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交付申請関係\"/>
    </mc:Choice>
  </mc:AlternateContent>
  <bookViews>
    <workbookView xWindow="480" yWindow="36" windowWidth="8496" windowHeight="4728"/>
  </bookViews>
  <sheets>
    <sheet name="別紙１（所要額調書）事業区分ア　在宅医療の新規参入支援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D15" i="14" l="1"/>
  <c r="F15" i="14" s="1"/>
  <c r="G15" i="14" s="1"/>
  <c r="H15" i="14" s="1"/>
  <c r="I15" i="14" l="1"/>
  <c r="A15" i="14" l="1"/>
</calcChain>
</file>

<file path=xl/sharedStrings.xml><?xml version="1.0" encoding="utf-8"?>
<sst xmlns="http://schemas.openxmlformats.org/spreadsheetml/2006/main" count="36" uniqueCount="30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支出予定額</t>
    <rPh sb="0" eb="2">
      <t>シシュツ</t>
    </rPh>
    <rPh sb="2" eb="4">
      <t>ヨテイ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選定額</t>
    <rPh sb="0" eb="2">
      <t>センテイ</t>
    </rPh>
    <rPh sb="2" eb="3">
      <t>ガク</t>
    </rPh>
    <phoneticPr fontId="1"/>
  </si>
  <si>
    <t>県補助</t>
    <rPh sb="0" eb="1">
      <t>ケン</t>
    </rPh>
    <rPh sb="1" eb="3">
      <t>ホジョ</t>
    </rPh>
    <phoneticPr fontId="1"/>
  </si>
  <si>
    <t>所要額</t>
    <rPh sb="0" eb="2">
      <t>ショヨウ</t>
    </rPh>
    <rPh sb="2" eb="3">
      <t>ガク</t>
    </rPh>
    <phoneticPr fontId="1"/>
  </si>
  <si>
    <t>（Ｆ）</t>
    <phoneticPr fontId="1"/>
  </si>
  <si>
    <t>（Ｇ）</t>
    <phoneticPr fontId="1"/>
  </si>
  <si>
    <t>(A)と(B)を比較して少ない方の額</t>
    <rPh sb="8" eb="10">
      <t>ヒカク</t>
    </rPh>
    <rPh sb="12" eb="13">
      <t>スク</t>
    </rPh>
    <rPh sb="15" eb="16">
      <t>ホウ</t>
    </rPh>
    <rPh sb="17" eb="18">
      <t>ガク</t>
    </rPh>
    <phoneticPr fontId="1"/>
  </si>
  <si>
    <t>所　要　額　調　書</t>
    <rPh sb="0" eb="1">
      <t>ショ</t>
    </rPh>
    <rPh sb="2" eb="3">
      <t>ヨウ</t>
    </rPh>
    <rPh sb="4" eb="5">
      <t>ガク</t>
    </rPh>
    <rPh sb="6" eb="7">
      <t>シラ</t>
    </rPh>
    <rPh sb="8" eb="9">
      <t>ショ</t>
    </rPh>
    <phoneticPr fontId="1"/>
  </si>
  <si>
    <t>別紙１</t>
    <rPh sb="0" eb="2">
      <t>ベッシ</t>
    </rPh>
    <phoneticPr fontId="1"/>
  </si>
  <si>
    <t>　</t>
    <phoneticPr fontId="1"/>
  </si>
  <si>
    <t>（補助事業者名）</t>
  </si>
  <si>
    <t>補助事業者名</t>
    <rPh sb="0" eb="2">
      <t>ホジョ</t>
    </rPh>
    <rPh sb="2" eb="4">
      <t>ジギョウ</t>
    </rPh>
    <rPh sb="4" eb="5">
      <t>シャ</t>
    </rPh>
    <rPh sb="5" eb="6">
      <t>メイ</t>
    </rPh>
    <phoneticPr fontId="1"/>
  </si>
  <si>
    <t>補助率</t>
    <rPh sb="0" eb="3">
      <t>ホジョリツ</t>
    </rPh>
    <phoneticPr fontId="1"/>
  </si>
  <si>
    <t>（Ｈ）</t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(C) － (D)</t>
    <phoneticPr fontId="1"/>
  </si>
  <si>
    <t>（注）　１　エクセルへの入力にあたっては、薄水色で着色されたセルに、金額や文字を入力してください。白色（無着色）のセルには、計算式等が既に入力されています。
　　　　２　対象経費の支出予定額(B)欄には、当該事業に係る部分のみ記入してください。
　　　　３　寄付金その他の収入があれば、(D)欄に記入してください。</t>
    <rPh sb="1" eb="2">
      <t>チュウ</t>
    </rPh>
    <rPh sb="85" eb="87">
      <t>タイショウ</t>
    </rPh>
    <rPh sb="87" eb="89">
      <t>ケイヒ</t>
    </rPh>
    <rPh sb="90" eb="92">
      <t>シシュツ</t>
    </rPh>
    <rPh sb="92" eb="94">
      <t>ヨテイ</t>
    </rPh>
    <rPh sb="94" eb="95">
      <t>ガク</t>
    </rPh>
    <rPh sb="98" eb="99">
      <t>ラン</t>
    </rPh>
    <rPh sb="102" eb="104">
      <t>トウガイ</t>
    </rPh>
    <rPh sb="104" eb="106">
      <t>ジギョウ</t>
    </rPh>
    <rPh sb="107" eb="108">
      <t>カカ</t>
    </rPh>
    <rPh sb="109" eb="111">
      <t>ブブン</t>
    </rPh>
    <rPh sb="113" eb="115">
      <t>キニュウ</t>
    </rPh>
    <rPh sb="129" eb="132">
      <t>キフキン</t>
    </rPh>
    <rPh sb="134" eb="135">
      <t>タ</t>
    </rPh>
    <rPh sb="136" eb="138">
      <t>シュウニュウ</t>
    </rPh>
    <rPh sb="146" eb="147">
      <t>ラン</t>
    </rPh>
    <rPh sb="148" eb="150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4"/>
      <name val="ＭＳ 明朝"/>
      <family val="1"/>
      <charset val="128"/>
    </font>
    <font>
      <u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27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7" fillId="0" borderId="0" xfId="0" applyFont="1"/>
    <xf numFmtId="0" fontId="6" fillId="0" borderId="0" xfId="0" applyFont="1"/>
    <xf numFmtId="0" fontId="9" fillId="0" borderId="0" xfId="0" applyFont="1" applyAlignment="1">
      <alignment horizontal="center"/>
    </xf>
    <xf numFmtId="0" fontId="6" fillId="0" borderId="0" xfId="0" applyFont="1" applyBorder="1"/>
    <xf numFmtId="0" fontId="7" fillId="0" borderId="0" xfId="0" applyFont="1" applyBorder="1"/>
    <xf numFmtId="0" fontId="6" fillId="0" borderId="3" xfId="0" applyFont="1" applyBorder="1" applyAlignment="1"/>
    <xf numFmtId="0" fontId="6" fillId="0" borderId="1" xfId="0" applyFont="1" applyBorder="1"/>
    <xf numFmtId="0" fontId="7" fillId="0" borderId="4" xfId="0" applyFont="1" applyBorder="1"/>
    <xf numFmtId="0" fontId="7" fillId="0" borderId="6" xfId="0" applyFont="1" applyBorder="1" applyAlignment="1">
      <alignment horizontal="center"/>
    </xf>
    <xf numFmtId="0" fontId="7" fillId="0" borderId="6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7" fillId="0" borderId="6" xfId="0" applyFont="1" applyBorder="1" applyAlignment="1"/>
    <xf numFmtId="0" fontId="7" fillId="0" borderId="6" xfId="0" applyFont="1" applyFill="1" applyBorder="1" applyAlignment="1">
      <alignment horizontal="center"/>
    </xf>
    <xf numFmtId="0" fontId="7" fillId="0" borderId="5" xfId="0" applyFont="1" applyBorder="1" applyAlignment="1">
      <alignment horizontal="right"/>
    </xf>
    <xf numFmtId="0" fontId="7" fillId="0" borderId="7" xfId="0" applyFont="1" applyFill="1" applyBorder="1" applyAlignment="1">
      <alignment horizontal="left" vertical="center"/>
    </xf>
    <xf numFmtId="38" fontId="7" fillId="0" borderId="7" xfId="2" applyFont="1" applyFill="1" applyBorder="1" applyAlignment="1">
      <alignment horizontal="right" vertical="center"/>
    </xf>
    <xf numFmtId="38" fontId="7" fillId="2" borderId="7" xfId="2" applyFont="1" applyFill="1" applyBorder="1" applyAlignment="1">
      <alignment horizontal="right" vertical="center"/>
    </xf>
    <xf numFmtId="0" fontId="7" fillId="2" borderId="7" xfId="2" applyNumberFormat="1" applyFont="1" applyFill="1" applyBorder="1" applyAlignment="1">
      <alignment horizontal="right" vertical="center"/>
    </xf>
    <xf numFmtId="0" fontId="9" fillId="0" borderId="0" xfId="0" applyFont="1" applyAlignment="1">
      <alignment horizontal="center"/>
    </xf>
    <xf numFmtId="0" fontId="7" fillId="0" borderId="6" xfId="0" applyFont="1" applyBorder="1" applyAlignment="1">
      <alignment horizontal="center" vertical="top" wrapText="1"/>
    </xf>
    <xf numFmtId="0" fontId="8" fillId="0" borderId="2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6" fillId="2" borderId="3" xfId="0" applyFont="1" applyFill="1" applyBorder="1" applyAlignment="1">
      <alignment horizontal="left"/>
    </xf>
  </cellXfs>
  <cellStyles count="5">
    <cellStyle name="桁区切り" xfId="2" builtinId="6"/>
    <cellStyle name="桁区切り 2" xfId="1"/>
    <cellStyle name="桁区切り 3" xfId="4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9"/>
  <sheetViews>
    <sheetView showZeros="0" tabSelected="1" view="pageBreakPreview" zoomScale="115" zoomScaleNormal="100" zoomScaleSheetLayoutView="115" workbookViewId="0"/>
  </sheetViews>
  <sheetFormatPr defaultColWidth="9" defaultRowHeight="12"/>
  <cols>
    <col min="1" max="1" width="31.88671875" style="1" customWidth="1"/>
    <col min="2" max="9" width="14.77734375" style="1" customWidth="1"/>
    <col min="10" max="16384" width="9" style="1"/>
  </cols>
  <sheetData>
    <row r="1" spans="1:9" ht="13.2">
      <c r="A1" s="4" t="s">
        <v>20</v>
      </c>
      <c r="B1" s="5"/>
      <c r="C1" s="5"/>
      <c r="D1" s="5"/>
      <c r="E1" s="5"/>
      <c r="F1" s="5"/>
      <c r="G1" s="5"/>
      <c r="H1" s="5"/>
      <c r="I1" s="5"/>
    </row>
    <row r="2" spans="1:9">
      <c r="A2" s="5"/>
      <c r="B2" s="5"/>
      <c r="C2" s="5"/>
      <c r="D2" s="5"/>
      <c r="E2" s="5"/>
      <c r="F2" s="5"/>
      <c r="G2" s="5"/>
      <c r="H2" s="5"/>
      <c r="I2" s="5"/>
    </row>
    <row r="3" spans="1:9" ht="16.2">
      <c r="A3" s="22" t="s">
        <v>19</v>
      </c>
      <c r="B3" s="22"/>
      <c r="C3" s="22"/>
      <c r="D3" s="22"/>
      <c r="E3" s="22"/>
      <c r="F3" s="22"/>
      <c r="G3" s="22"/>
      <c r="H3" s="22"/>
      <c r="I3" s="22"/>
    </row>
    <row r="4" spans="1:9" ht="16.2">
      <c r="A4" s="6"/>
      <c r="B4" s="6"/>
      <c r="C4" s="6"/>
      <c r="D4" s="6"/>
      <c r="E4" s="6"/>
      <c r="F4" s="6"/>
      <c r="G4" s="6"/>
      <c r="H4" s="6"/>
      <c r="I4" s="6"/>
    </row>
    <row r="5" spans="1:9">
      <c r="A5" s="5"/>
      <c r="B5" s="5"/>
      <c r="C5" s="5"/>
      <c r="D5" s="5"/>
      <c r="E5" s="5"/>
      <c r="F5" s="5"/>
      <c r="G5" s="5"/>
      <c r="H5" s="5"/>
      <c r="I5" s="5"/>
    </row>
    <row r="6" spans="1:9" ht="15" customHeight="1">
      <c r="A6" s="7"/>
      <c r="B6" s="7" t="s">
        <v>21</v>
      </c>
      <c r="C6" s="7"/>
      <c r="D6" s="5"/>
      <c r="E6" s="8"/>
      <c r="F6" s="9" t="s">
        <v>22</v>
      </c>
      <c r="G6" s="26"/>
      <c r="H6" s="26"/>
      <c r="I6" s="26"/>
    </row>
    <row r="7" spans="1:9" ht="6" customHeight="1">
      <c r="A7" s="5"/>
      <c r="B7" s="5"/>
      <c r="C7" s="5"/>
      <c r="D7" s="5"/>
      <c r="E7" s="5"/>
      <c r="F7" s="5"/>
      <c r="G7" s="10"/>
      <c r="H7" s="7"/>
      <c r="I7" s="5"/>
    </row>
    <row r="8" spans="1:9" ht="13.2">
      <c r="A8" s="11"/>
      <c r="B8" s="11"/>
      <c r="C8" s="11"/>
      <c r="D8" s="11"/>
      <c r="E8" s="11"/>
      <c r="F8" s="11"/>
      <c r="G8" s="11"/>
      <c r="H8" s="11"/>
      <c r="I8" s="11"/>
    </row>
    <row r="9" spans="1:9" s="2" customFormat="1" ht="13.5" customHeight="1">
      <c r="A9" s="12"/>
      <c r="B9" s="12"/>
      <c r="C9" s="13" t="s">
        <v>7</v>
      </c>
      <c r="D9" s="23" t="s">
        <v>18</v>
      </c>
      <c r="E9" s="13" t="s">
        <v>9</v>
      </c>
      <c r="F9" s="12"/>
      <c r="G9" s="12"/>
      <c r="H9" s="12"/>
      <c r="I9" s="12" t="s">
        <v>14</v>
      </c>
    </row>
    <row r="10" spans="1:9" s="2" customFormat="1" ht="13.2">
      <c r="A10" s="12" t="s">
        <v>23</v>
      </c>
      <c r="B10" s="12" t="s">
        <v>6</v>
      </c>
      <c r="C10" s="13" t="s">
        <v>8</v>
      </c>
      <c r="D10" s="23"/>
      <c r="E10" s="13" t="s">
        <v>10</v>
      </c>
      <c r="F10" s="12" t="s">
        <v>12</v>
      </c>
      <c r="G10" s="12" t="s">
        <v>13</v>
      </c>
      <c r="H10" s="12" t="s">
        <v>24</v>
      </c>
      <c r="I10" s="12"/>
    </row>
    <row r="11" spans="1:9" s="2" customFormat="1" ht="13.2">
      <c r="A11" s="12"/>
      <c r="B11" s="12"/>
      <c r="C11" s="14" t="s">
        <v>27</v>
      </c>
      <c r="D11" s="23"/>
      <c r="E11" s="13" t="s">
        <v>11</v>
      </c>
      <c r="F11" s="12" t="s">
        <v>28</v>
      </c>
      <c r="G11" s="12"/>
      <c r="H11" s="12" t="s">
        <v>26</v>
      </c>
      <c r="I11" s="12" t="s">
        <v>15</v>
      </c>
    </row>
    <row r="12" spans="1:9" s="2" customFormat="1" ht="13.2">
      <c r="A12" s="12"/>
      <c r="B12" s="12"/>
      <c r="C12" s="15"/>
      <c r="D12" s="15"/>
      <c r="E12" s="15"/>
      <c r="F12" s="12"/>
      <c r="G12" s="12"/>
      <c r="H12" s="12"/>
      <c r="I12" s="12"/>
    </row>
    <row r="13" spans="1:9" s="2" customFormat="1" ht="13.2">
      <c r="A13" s="12"/>
      <c r="B13" s="12" t="s">
        <v>1</v>
      </c>
      <c r="C13" s="12" t="s">
        <v>2</v>
      </c>
      <c r="D13" s="16" t="s">
        <v>3</v>
      </c>
      <c r="E13" s="12" t="s">
        <v>4</v>
      </c>
      <c r="F13" s="12" t="s">
        <v>5</v>
      </c>
      <c r="G13" s="12" t="s">
        <v>16</v>
      </c>
      <c r="H13" s="12" t="s">
        <v>17</v>
      </c>
      <c r="I13" s="12" t="s">
        <v>25</v>
      </c>
    </row>
    <row r="14" spans="1:9" s="3" customFormat="1" ht="13.2">
      <c r="A14" s="17"/>
      <c r="B14" s="17" t="s">
        <v>0</v>
      </c>
      <c r="C14" s="17" t="s">
        <v>0</v>
      </c>
      <c r="D14" s="17" t="s">
        <v>0</v>
      </c>
      <c r="E14" s="17"/>
      <c r="F14" s="17" t="s">
        <v>0</v>
      </c>
      <c r="G14" s="17" t="s">
        <v>0</v>
      </c>
      <c r="H14" s="17" t="s">
        <v>0</v>
      </c>
      <c r="I14" s="17" t="s">
        <v>0</v>
      </c>
    </row>
    <row r="15" spans="1:9" s="3" customFormat="1" ht="65.400000000000006" customHeight="1">
      <c r="A15" s="18">
        <f>G6</f>
        <v>0</v>
      </c>
      <c r="B15" s="19">
        <v>3000000</v>
      </c>
      <c r="C15" s="20"/>
      <c r="D15" s="19">
        <f>MIN(B15:C15)</f>
        <v>3000000</v>
      </c>
      <c r="E15" s="21"/>
      <c r="F15" s="19">
        <f>D15-E15</f>
        <v>3000000</v>
      </c>
      <c r="G15" s="19">
        <f>F15</f>
        <v>3000000</v>
      </c>
      <c r="H15" s="19">
        <f>ROUNDDOWN((G15*3/4),0)</f>
        <v>2250000</v>
      </c>
      <c r="I15" s="19">
        <f>ROUNDDOWN(H15,-3)</f>
        <v>2250000</v>
      </c>
    </row>
    <row r="16" spans="1:9" ht="13.95" customHeight="1">
      <c r="A16" s="24" t="s">
        <v>29</v>
      </c>
      <c r="B16" s="24"/>
      <c r="C16" s="24"/>
      <c r="D16" s="24"/>
      <c r="E16" s="24"/>
      <c r="F16" s="24"/>
      <c r="G16" s="24"/>
      <c r="H16" s="24"/>
      <c r="I16" s="24"/>
    </row>
    <row r="17" spans="1:9" ht="13.95" customHeight="1">
      <c r="A17" s="25"/>
      <c r="B17" s="25"/>
      <c r="C17" s="25"/>
      <c r="D17" s="25"/>
      <c r="E17" s="25"/>
      <c r="F17" s="25"/>
      <c r="G17" s="25"/>
      <c r="H17" s="25"/>
      <c r="I17" s="25"/>
    </row>
    <row r="18" spans="1:9" ht="13.95" customHeight="1">
      <c r="A18" s="25"/>
      <c r="B18" s="25"/>
      <c r="C18" s="25"/>
      <c r="D18" s="25"/>
      <c r="E18" s="25"/>
      <c r="F18" s="25"/>
      <c r="G18" s="25"/>
      <c r="H18" s="25"/>
      <c r="I18" s="25"/>
    </row>
    <row r="19" spans="1:9">
      <c r="A19" s="25"/>
      <c r="B19" s="25"/>
      <c r="C19" s="25"/>
      <c r="D19" s="25"/>
      <c r="E19" s="25"/>
      <c r="F19" s="25"/>
      <c r="G19" s="25"/>
      <c r="H19" s="25"/>
      <c r="I19" s="25"/>
    </row>
  </sheetData>
  <mergeCells count="4">
    <mergeCell ref="A3:I3"/>
    <mergeCell ref="D9:D11"/>
    <mergeCell ref="A16:I19"/>
    <mergeCell ref="G6:I6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scale="92" orientation="landscape" horizontalDpi="300" verticalDpi="300" r:id="rId1"/>
  <headerFooter alignWithMargins="0">
    <oddFooter>&amp;R&amp;"ＭＳ 明朝,標準"（新たに取り組む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１（所要額調書）事業区分ア　在宅医療の新規参入支援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2T06:47:43Z</cp:lastPrinted>
  <dcterms:created xsi:type="dcterms:W3CDTF">1997-01-08T22:48:59Z</dcterms:created>
  <dcterms:modified xsi:type="dcterms:W3CDTF">2024-09-18T08:25:09Z</dcterms:modified>
</cp:coreProperties>
</file>